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714D7C16-583D-4CF0-AE00-310723F4FA1C}" xr6:coauthVersionLast="36" xr6:coauthVersionMax="47" xr10:uidLastSave="{00000000-0000-0000-0000-000000000000}"/>
  <bookViews>
    <workbookView xWindow="3840" yWindow="2175" windowWidth="23670" windowHeight="12750" xr2:uid="{00000000-000D-0000-FFFF-FFFF00000000}"/>
  </bookViews>
  <sheets>
    <sheet name="InfoTabl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4" uniqueCount="18">
  <si>
    <t>フリータイム終了</t>
  </si>
  <si>
    <t>飲み放題終了</t>
  </si>
  <si>
    <t>コース終了</t>
  </si>
  <si>
    <t>パック終了</t>
  </si>
  <si>
    <t>KtMIRcSpTQ4=</t>
  </si>
  <si>
    <t>ID</t>
  </si>
  <si>
    <t>GroupID</t>
  </si>
  <si>
    <t>Number</t>
  </si>
  <si>
    <t>Info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F1A529-B6F9-4476-9C57-092B39F45E36}" name="テーブル1" displayName="テーブル1" ref="A1:F9" totalsRowShown="0">
  <autoFilter ref="A1:F9" xr:uid="{1C9B869F-1621-4200-9FED-250D0F8ECE65}"/>
  <tableColumns count="6">
    <tableColumn id="1" xr3:uid="{1F1C786D-AA7C-4362-AD88-1352AF599FA7}" name="ID"/>
    <tableColumn id="2" xr3:uid="{AC2382E9-B84C-4478-872E-485F706E0227}" name="TERMINATOR"/>
    <tableColumn id="3" xr3:uid="{621895BA-BAE8-4C81-BF4F-583C5A4EB520}" name="MAX_LENGTH"/>
    <tableColumn id="4" xr3:uid="{669704A1-31BD-4404-AD79-40A307DC4F27}" name="COLLATION"/>
    <tableColumn id="5" xr3:uid="{930068F9-A98F-498A-B910-A094BC236DD9}" name="SOURCE"/>
    <tableColumn id="6" xr3:uid="{691D75A4-73C1-4CCC-9BF6-7ADFE9C765A2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6"/>
  <sheetViews>
    <sheetView tabSelected="1" workbookViewId="0">
      <selection activeCell="E11" sqref="E11"/>
    </sheetView>
  </sheetViews>
  <sheetFormatPr defaultRowHeight="18.75" x14ac:dyDescent="0.4"/>
  <cols>
    <col min="4" max="4" width="16.875" bestFit="1" customWidth="1"/>
  </cols>
  <sheetData>
    <row r="1" spans="1:4" x14ac:dyDescent="0.4">
      <c r="A1" s="1" t="s">
        <v>5</v>
      </c>
      <c r="B1" s="2" t="s">
        <v>6</v>
      </c>
      <c r="C1" s="1" t="s">
        <v>7</v>
      </c>
      <c r="D1" s="2" t="s">
        <v>8</v>
      </c>
    </row>
    <row r="2" spans="1:4" x14ac:dyDescent="0.4">
      <c r="A2">
        <v>70</v>
      </c>
      <c r="B2">
        <v>1</v>
      </c>
      <c r="C2">
        <v>1</v>
      </c>
      <c r="D2" t="s">
        <v>0</v>
      </c>
    </row>
    <row r="3" spans="1:4" x14ac:dyDescent="0.4">
      <c r="A3">
        <v>71</v>
      </c>
      <c r="B3">
        <v>1</v>
      </c>
      <c r="C3">
        <v>2</v>
      </c>
      <c r="D3" t="s">
        <v>1</v>
      </c>
    </row>
    <row r="4" spans="1:4" x14ac:dyDescent="0.4">
      <c r="A4">
        <v>72</v>
      </c>
      <c r="B4">
        <v>1</v>
      </c>
      <c r="C4">
        <v>3</v>
      </c>
      <c r="D4" t="s">
        <v>2</v>
      </c>
    </row>
    <row r="5" spans="1:4" x14ac:dyDescent="0.4">
      <c r="A5">
        <v>73</v>
      </c>
      <c r="B5">
        <v>1</v>
      </c>
      <c r="C5">
        <v>100</v>
      </c>
      <c r="D5" t="s">
        <v>3</v>
      </c>
    </row>
    <row r="6" spans="1:4" x14ac:dyDescent="0.4">
      <c r="A6">
        <v>10</v>
      </c>
      <c r="B6">
        <v>2</v>
      </c>
      <c r="C6">
        <v>1</v>
      </c>
      <c r="D6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9"/>
  <sheetViews>
    <sheetView workbookViewId="0">
      <selection sqref="A1:F9"/>
    </sheetView>
  </sheetViews>
  <sheetFormatPr defaultRowHeight="18.75" x14ac:dyDescent="0.4"/>
  <sheetData>
    <row r="1" spans="1:6" x14ac:dyDescent="0.4">
      <c r="A1" t="s">
        <v>9</v>
      </c>
      <c r="B1" t="s">
        <v>10</v>
      </c>
      <c r="C1" t="s">
        <v>11</v>
      </c>
      <c r="D1" t="s">
        <v>12</v>
      </c>
      <c r="E1" t="s">
        <v>13</v>
      </c>
      <c r="F1" t="s">
        <v>14</v>
      </c>
    </row>
    <row r="2" spans="1:6" x14ac:dyDescent="0.4">
      <c r="A2">
        <v>1</v>
      </c>
      <c r="B2" s="3" t="s">
        <v>15</v>
      </c>
      <c r="C2">
        <v>12</v>
      </c>
      <c r="D2" s="3"/>
      <c r="F2" s="3"/>
    </row>
    <row r="3" spans="1:6" x14ac:dyDescent="0.4">
      <c r="A3">
        <v>2</v>
      </c>
      <c r="B3" s="3" t="s">
        <v>15</v>
      </c>
      <c r="C3">
        <v>12</v>
      </c>
      <c r="D3" s="3"/>
      <c r="F3" s="3"/>
    </row>
    <row r="4" spans="1:6" x14ac:dyDescent="0.4">
      <c r="A4">
        <v>3</v>
      </c>
      <c r="B4" s="3" t="s">
        <v>15</v>
      </c>
      <c r="C4">
        <v>12</v>
      </c>
      <c r="D4" s="3"/>
      <c r="F4" s="3"/>
    </row>
    <row r="5" spans="1:6" x14ac:dyDescent="0.4">
      <c r="A5">
        <v>4</v>
      </c>
      <c r="B5" s="3" t="s">
        <v>16</v>
      </c>
      <c r="C5">
        <v>50</v>
      </c>
      <c r="D5" s="3" t="s">
        <v>17</v>
      </c>
      <c r="F5" s="3"/>
    </row>
    <row r="6" spans="1:6" x14ac:dyDescent="0.4">
      <c r="B6" s="3"/>
      <c r="D6" s="3"/>
      <c r="E6">
        <v>1</v>
      </c>
      <c r="F6" s="3" t="s">
        <v>5</v>
      </c>
    </row>
    <row r="7" spans="1:6" x14ac:dyDescent="0.4">
      <c r="B7" s="3"/>
      <c r="D7" s="3"/>
      <c r="E7">
        <v>2</v>
      </c>
      <c r="F7" s="3" t="s">
        <v>6</v>
      </c>
    </row>
    <row r="8" spans="1:6" x14ac:dyDescent="0.4">
      <c r="B8" s="3"/>
      <c r="D8" s="3"/>
      <c r="E8">
        <v>3</v>
      </c>
      <c r="F8" s="3" t="s">
        <v>7</v>
      </c>
    </row>
    <row r="9" spans="1:6" x14ac:dyDescent="0.4">
      <c r="B9" s="3"/>
      <c r="D9" s="3"/>
      <c r="E9">
        <v>4</v>
      </c>
      <c r="F9" s="3" t="s">
        <v>8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InfoTabl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47:50Z</dcterms:created>
  <dcterms:modified xsi:type="dcterms:W3CDTF">2024-02-26T04:53:57Z</dcterms:modified>
</cp:coreProperties>
</file>